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AFD9A8C1-A378-4ADB-89AD-931BD8B5F32A}" xr6:coauthVersionLast="45" xr6:coauthVersionMax="45" xr10:uidLastSave="{00000000-0000-0000-0000-000000000000}"/>
  <bookViews>
    <workbookView xWindow="-120" yWindow="-120" windowWidth="29040" windowHeight="15840" xr2:uid="{D0D0D6ED-4ED6-4B82-8603-0EFC2A46289A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72" uniqueCount="135">
  <si>
    <t>ARI</t>
  </si>
  <si>
    <t>DAL</t>
  </si>
  <si>
    <t>IND</t>
  </si>
  <si>
    <t>JAX</t>
  </si>
  <si>
    <t>OAK</t>
  </si>
  <si>
    <t>PIT</t>
  </si>
  <si>
    <t>ATL</t>
  </si>
  <si>
    <t>BAL</t>
  </si>
  <si>
    <t>MIN</t>
  </si>
  <si>
    <t>Playoff Seeding:</t>
  </si>
  <si>
    <t>BUF</t>
  </si>
  <si>
    <t>GB</t>
  </si>
  <si>
    <t>NYG</t>
  </si>
  <si>
    <t>CHI</t>
  </si>
  <si>
    <t>DET</t>
  </si>
  <si>
    <t>KC</t>
  </si>
  <si>
    <t>NE</t>
  </si>
  <si>
    <t>TEN</t>
  </si>
  <si>
    <t>Round 3 - Semi-Final Results:</t>
  </si>
  <si>
    <t>Round 2 - Quarter Final Results:</t>
  </si>
  <si>
    <t>Round 1 - Wildcard Results:</t>
  </si>
  <si>
    <t>Mini-Playoffs:</t>
  </si>
  <si>
    <r>
      <t xml:space="preserve">#13-Detroit 31 </t>
    </r>
    <r>
      <rPr>
        <sz val="12"/>
        <color rgb="FF222222"/>
        <rFont val="Arial"/>
        <family val="2"/>
      </rPr>
      <t>defeats #14 Tennessee 13</t>
    </r>
  </si>
  <si>
    <t>S28 Bowl III:</t>
  </si>
  <si>
    <t>Congratulations to the Baltimore Ravens (Zeb)</t>
  </si>
  <si>
    <t>AFC:</t>
  </si>
  <si>
    <t>1. Seattle 14-2</t>
  </si>
  <si>
    <t>2. LA Rams 12-4</t>
  </si>
  <si>
    <t>3. Pittsburgh 11-5</t>
  </si>
  <si>
    <t>4. Miami 10-6 (Beat Minn)</t>
  </si>
  <si>
    <t>5. Minnesota 10-6</t>
  </si>
  <si>
    <t>6. Cleveland 9-7</t>
  </si>
  <si>
    <t>NFC:</t>
  </si>
  <si>
    <t>1. Baltimore 13-3</t>
  </si>
  <si>
    <t>2. Oakland 12-4</t>
  </si>
  <si>
    <t>3. Cincinnati 10-6 (Beat NYG)</t>
  </si>
  <si>
    <t>4. New York Giants 10-6</t>
  </si>
  <si>
    <t>5. Denver 9-6-1</t>
  </si>
  <si>
    <t>6. Tampa Bay 9-7</t>
  </si>
  <si>
    <r>
      <t xml:space="preserve">#1 </t>
    </r>
    <r>
      <rPr>
        <b/>
        <sz val="12"/>
        <color rgb="FF222222"/>
        <rFont val="Arial"/>
        <family val="2"/>
      </rPr>
      <t>Baltimore Ravens 16</t>
    </r>
    <r>
      <rPr>
        <sz val="12"/>
        <color rgb="FF222222"/>
        <rFont val="Arial"/>
        <family val="2"/>
      </rPr>
      <t xml:space="preserve"> - Pittsburgh Steelers 13</t>
    </r>
  </si>
  <si>
    <r>
      <t xml:space="preserve">#1 Baltimore Ravens 38 </t>
    </r>
    <r>
      <rPr>
        <sz val="12"/>
        <color rgb="FF222222"/>
        <rFont val="Arial"/>
        <family val="2"/>
      </rPr>
      <t>- Cincinnati Bengals 17</t>
    </r>
  </si>
  <si>
    <r>
      <t xml:space="preserve">#3 Pittsburgh Steelers 34 </t>
    </r>
    <r>
      <rPr>
        <sz val="12"/>
        <color rgb="FF222222"/>
        <rFont val="Arial"/>
        <family val="2"/>
      </rPr>
      <t>- #1 Seattle Seahawks 28</t>
    </r>
  </si>
  <si>
    <r>
      <t>#1 Baltimore Ravens 31</t>
    </r>
    <r>
      <rPr>
        <sz val="12"/>
        <color rgb="FF222222"/>
        <rFont val="Arial"/>
        <family val="2"/>
      </rPr>
      <t xml:space="preserve"> - New York Giants 10</t>
    </r>
  </si>
  <si>
    <r>
      <t xml:space="preserve">#1 Seattle Seahawks 37 </t>
    </r>
    <r>
      <rPr>
        <sz val="12"/>
        <color rgb="FF222222"/>
        <rFont val="Arial"/>
        <family val="2"/>
      </rPr>
      <t>- #4 Miami Dolphins 16</t>
    </r>
    <r>
      <rPr>
        <b/>
        <sz val="12"/>
        <color rgb="FF222222"/>
        <rFont val="Arial"/>
        <family val="2"/>
      </rPr>
      <t xml:space="preserve"> </t>
    </r>
  </si>
  <si>
    <r>
      <t xml:space="preserve">#3 Pittsburgh Steelers 14 </t>
    </r>
    <r>
      <rPr>
        <sz val="12"/>
        <color rgb="FF222222"/>
        <rFont val="Arial"/>
        <family val="2"/>
      </rPr>
      <t>- #2 Los Angeles Rams 13</t>
    </r>
  </si>
  <si>
    <r>
      <t xml:space="preserve">#3 Cincinnati Bengals 28 </t>
    </r>
    <r>
      <rPr>
        <sz val="12"/>
        <color rgb="FF222222"/>
        <rFont val="Arial"/>
        <family val="2"/>
      </rPr>
      <t>- #2 Oakland Raiders 17</t>
    </r>
  </si>
  <si>
    <r>
      <t xml:space="preserve">#4 Miami Dolphins 40 </t>
    </r>
    <r>
      <rPr>
        <sz val="12"/>
        <color rgb="FF222222"/>
        <rFont val="Arial"/>
        <family val="2"/>
      </rPr>
      <t>- #5 Minnesota Vikings 18</t>
    </r>
  </si>
  <si>
    <r>
      <t xml:space="preserve">#3 Cincinnati Bengals 40 </t>
    </r>
    <r>
      <rPr>
        <sz val="12"/>
        <color rgb="FF222222"/>
        <rFont val="Arial"/>
        <family val="2"/>
      </rPr>
      <t>- #6 Tampa Bay Buccaneers 20</t>
    </r>
  </si>
  <si>
    <r>
      <t xml:space="preserve">#4 New York Giants 28 </t>
    </r>
    <r>
      <rPr>
        <sz val="12"/>
        <color rgb="FF222222"/>
        <rFont val="Arial"/>
        <family val="2"/>
      </rPr>
      <t>- #5 Denver Broncos 14</t>
    </r>
  </si>
  <si>
    <r>
      <t xml:space="preserve">#3 Pittsburgh Steelers 16 </t>
    </r>
    <r>
      <rPr>
        <sz val="12"/>
        <color rgb="FF222222"/>
        <rFont val="Arial"/>
        <family val="2"/>
      </rPr>
      <t>- #6 Cleveland Browns 6</t>
    </r>
  </si>
  <si>
    <t>Team</t>
  </si>
  <si>
    <t>Record</t>
  </si>
  <si>
    <t>Head to head</t>
  </si>
  <si>
    <t>Opponent SOS</t>
  </si>
  <si>
    <t xml:space="preserve">1. </t>
  </si>
  <si>
    <t>1-14-1</t>
  </si>
  <si>
    <t xml:space="preserve"> </t>
  </si>
  <si>
    <t xml:space="preserve">2. </t>
  </si>
  <si>
    <t>3-13</t>
  </si>
  <si>
    <t xml:space="preserve">3. </t>
  </si>
  <si>
    <t>NO</t>
  </si>
  <si>
    <t>IND beat NO*</t>
  </si>
  <si>
    <t>New Orleans was WAS</t>
  </si>
  <si>
    <t xml:space="preserve">4. </t>
  </si>
  <si>
    <t>4-12</t>
  </si>
  <si>
    <t>NYJ was MIA</t>
  </si>
  <si>
    <t>5.</t>
  </si>
  <si>
    <t>JAC beat DAL</t>
  </si>
  <si>
    <t xml:space="preserve">6. </t>
  </si>
  <si>
    <t>6-10</t>
  </si>
  <si>
    <t>136 wins</t>
  </si>
  <si>
    <t xml:space="preserve">7. </t>
  </si>
  <si>
    <t>LAC</t>
  </si>
  <si>
    <t>127 wins</t>
  </si>
  <si>
    <t xml:space="preserve">8. </t>
  </si>
  <si>
    <t>HOU</t>
  </si>
  <si>
    <t>125 wins</t>
  </si>
  <si>
    <t xml:space="preserve">9. </t>
  </si>
  <si>
    <t>7-9</t>
  </si>
  <si>
    <t>138 wins</t>
  </si>
  <si>
    <t>10.</t>
  </si>
  <si>
    <t>PHI</t>
  </si>
  <si>
    <t>11.</t>
  </si>
  <si>
    <t>124 wins</t>
  </si>
  <si>
    <t>12.</t>
  </si>
  <si>
    <t>8-8</t>
  </si>
  <si>
    <t>140 wins</t>
  </si>
  <si>
    <t>13.</t>
  </si>
  <si>
    <t>137 wins</t>
  </si>
  <si>
    <t>14.</t>
  </si>
  <si>
    <t>132 wins</t>
  </si>
  <si>
    <t>15.</t>
  </si>
  <si>
    <t>126 wins</t>
  </si>
  <si>
    <t>16.</t>
  </si>
  <si>
    <t>17.</t>
  </si>
  <si>
    <t>TAM</t>
  </si>
  <si>
    <t>9-7</t>
  </si>
  <si>
    <t>--------------------------------Playoff Teams Below</t>
  </si>
  <si>
    <t>18.</t>
  </si>
  <si>
    <t>CLE</t>
  </si>
  <si>
    <t>TAM beat CLE</t>
  </si>
  <si>
    <t>19.</t>
  </si>
  <si>
    <t>DEN</t>
  </si>
  <si>
    <t>9-6-1</t>
  </si>
  <si>
    <t>20.</t>
  </si>
  <si>
    <t>10-6</t>
  </si>
  <si>
    <t>131</t>
  </si>
  <si>
    <t>21.</t>
  </si>
  <si>
    <t>NYJ</t>
  </si>
  <si>
    <t>NYJ beat NYG</t>
  </si>
  <si>
    <t>130</t>
  </si>
  <si>
    <t>-------------------------------Round 2 below</t>
  </si>
  <si>
    <t>22.</t>
  </si>
  <si>
    <t>125</t>
  </si>
  <si>
    <t>23.</t>
  </si>
  <si>
    <t>12-4</t>
  </si>
  <si>
    <t>122</t>
  </si>
  <si>
    <t>24.</t>
  </si>
  <si>
    <t>LAR</t>
  </si>
  <si>
    <t>121</t>
  </si>
  <si>
    <t>25.</t>
  </si>
  <si>
    <t>CIN</t>
  </si>
  <si>
    <t>127</t>
  </si>
  <si>
    <t>------------------------------Round 3 below</t>
  </si>
  <si>
    <t>26.</t>
  </si>
  <si>
    <t>SEA</t>
  </si>
  <si>
    <t>14-2</t>
  </si>
  <si>
    <t>27.</t>
  </si>
  <si>
    <t>11-5</t>
  </si>
  <si>
    <t>----------------------------Round 4 below</t>
  </si>
  <si>
    <t>28.</t>
  </si>
  <si>
    <t>13-3</t>
  </si>
  <si>
    <t>TB</t>
  </si>
  <si>
    <t>Rookie Draft Generic Even Round:</t>
  </si>
  <si>
    <t>Rookie Draft Generic Odd Roun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/>
    </xf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5" fillId="0" borderId="0" xfId="0" applyNumberFormat="1" applyFont="1"/>
    <xf numFmtId="0" fontId="3" fillId="0" borderId="0" xfId="0" applyFont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P102"/>
  <sheetViews>
    <sheetView tabSelected="1" topLeftCell="A37" zoomScaleNormal="100" workbookViewId="0">
      <selection activeCell="B43" sqref="B43"/>
    </sheetView>
  </sheetViews>
  <sheetFormatPr defaultRowHeight="15" x14ac:dyDescent="0.25"/>
  <cols>
    <col min="1" max="1" width="63.42578125" customWidth="1"/>
    <col min="2" max="2" width="14.7109375" customWidth="1"/>
    <col min="4" max="4" width="12.85546875" bestFit="1" customWidth="1"/>
    <col min="14" max="14" width="12.5703125" customWidth="1"/>
  </cols>
  <sheetData>
    <row r="1" spans="1:16" ht="31.5" x14ac:dyDescent="0.5">
      <c r="A1" s="9" t="s">
        <v>24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</row>
    <row r="3" spans="1:16" ht="15.75" customHeight="1" x14ac:dyDescent="0.25">
      <c r="A3" s="2" t="s">
        <v>23</v>
      </c>
    </row>
    <row r="4" spans="1:16" ht="15.75" customHeight="1" x14ac:dyDescent="0.25">
      <c r="A4" s="2" t="s">
        <v>39</v>
      </c>
    </row>
    <row r="5" spans="1:16" ht="15.75" customHeight="1" x14ac:dyDescent="0.25">
      <c r="A5" s="1"/>
    </row>
    <row r="6" spans="1:16" ht="15.75" customHeight="1" x14ac:dyDescent="0.25">
      <c r="A6" s="2" t="s">
        <v>18</v>
      </c>
    </row>
    <row r="7" spans="1:16" ht="15.75" customHeight="1" x14ac:dyDescent="0.25">
      <c r="A7" s="3" t="s">
        <v>40</v>
      </c>
    </row>
    <row r="8" spans="1:16" ht="15.75" customHeight="1" x14ac:dyDescent="0.25">
      <c r="A8" s="3" t="s">
        <v>41</v>
      </c>
    </row>
    <row r="9" spans="1:16" ht="15.75" customHeight="1" x14ac:dyDescent="0.25">
      <c r="A9" s="3"/>
    </row>
    <row r="10" spans="1:16" ht="15.75" customHeight="1" x14ac:dyDescent="0.25">
      <c r="A10" s="2" t="s">
        <v>19</v>
      </c>
    </row>
    <row r="11" spans="1:16" ht="15.75" customHeight="1" x14ac:dyDescent="0.25">
      <c r="A11" s="3" t="s">
        <v>42</v>
      </c>
    </row>
    <row r="12" spans="1:16" ht="15.75" customHeight="1" x14ac:dyDescent="0.25">
      <c r="A12" s="3" t="s">
        <v>43</v>
      </c>
    </row>
    <row r="13" spans="1:16" ht="15.75" customHeight="1" x14ac:dyDescent="0.25">
      <c r="A13" s="3" t="s">
        <v>44</v>
      </c>
    </row>
    <row r="14" spans="1:16" ht="15.75" customHeight="1" x14ac:dyDescent="0.25">
      <c r="A14" s="3" t="s">
        <v>45</v>
      </c>
    </row>
    <row r="15" spans="1:16" ht="15.75" customHeight="1" x14ac:dyDescent="0.25">
      <c r="A15" s="3"/>
    </row>
    <row r="16" spans="1:16" ht="15.75" customHeight="1" x14ac:dyDescent="0.25">
      <c r="A16" s="2" t="s">
        <v>20</v>
      </c>
    </row>
    <row r="17" spans="1:1" ht="15.75" customHeight="1" x14ac:dyDescent="0.25">
      <c r="A17" s="3" t="s">
        <v>46</v>
      </c>
    </row>
    <row r="18" spans="1:1" ht="15.75" customHeight="1" x14ac:dyDescent="0.25">
      <c r="A18" s="3" t="s">
        <v>47</v>
      </c>
    </row>
    <row r="19" spans="1:1" ht="15.75" customHeight="1" x14ac:dyDescent="0.25">
      <c r="A19" s="3" t="s">
        <v>48</v>
      </c>
    </row>
    <row r="20" spans="1:1" ht="15.75" customHeight="1" x14ac:dyDescent="0.25">
      <c r="A20" s="3" t="s">
        <v>49</v>
      </c>
    </row>
    <row r="21" spans="1:1" ht="15.75" customHeight="1" x14ac:dyDescent="0.25">
      <c r="A21" s="3"/>
    </row>
    <row r="22" spans="1:1" ht="15.75" x14ac:dyDescent="0.25">
      <c r="A22" s="3" t="s">
        <v>21</v>
      </c>
    </row>
    <row r="23" spans="1:1" ht="15.75" x14ac:dyDescent="0.25">
      <c r="A23" s="3" t="s">
        <v>22</v>
      </c>
    </row>
    <row r="24" spans="1:1" ht="15.75" x14ac:dyDescent="0.25">
      <c r="A24" s="3"/>
    </row>
    <row r="25" spans="1:1" x14ac:dyDescent="0.25">
      <c r="A25" t="s">
        <v>9</v>
      </c>
    </row>
    <row r="26" spans="1:1" x14ac:dyDescent="0.25">
      <c r="A26" t="s">
        <v>25</v>
      </c>
    </row>
    <row r="27" spans="1:1" x14ac:dyDescent="0.25">
      <c r="A27" t="s">
        <v>26</v>
      </c>
    </row>
    <row r="28" spans="1:1" x14ac:dyDescent="0.25">
      <c r="A28" t="s">
        <v>27</v>
      </c>
    </row>
    <row r="29" spans="1:1" x14ac:dyDescent="0.25">
      <c r="A29" t="s">
        <v>28</v>
      </c>
    </row>
    <row r="30" spans="1:1" x14ac:dyDescent="0.25">
      <c r="A30" t="s">
        <v>29</v>
      </c>
    </row>
    <row r="31" spans="1:1" x14ac:dyDescent="0.25">
      <c r="A31" t="s">
        <v>30</v>
      </c>
    </row>
    <row r="32" spans="1:1" x14ac:dyDescent="0.25">
      <c r="A32" t="s">
        <v>31</v>
      </c>
    </row>
    <row r="34" spans="1:8" x14ac:dyDescent="0.25">
      <c r="A34" t="s">
        <v>32</v>
      </c>
    </row>
    <row r="35" spans="1:8" x14ac:dyDescent="0.25">
      <c r="A35" t="s">
        <v>33</v>
      </c>
    </row>
    <row r="36" spans="1:8" x14ac:dyDescent="0.25">
      <c r="A36" t="s">
        <v>34</v>
      </c>
    </row>
    <row r="37" spans="1:8" x14ac:dyDescent="0.25">
      <c r="A37" t="s">
        <v>35</v>
      </c>
    </row>
    <row r="38" spans="1:8" x14ac:dyDescent="0.25">
      <c r="A38" t="s">
        <v>36</v>
      </c>
    </row>
    <row r="39" spans="1:8" x14ac:dyDescent="0.25">
      <c r="A39" t="s">
        <v>37</v>
      </c>
    </row>
    <row r="40" spans="1:8" x14ac:dyDescent="0.25">
      <c r="A40" t="s">
        <v>38</v>
      </c>
    </row>
    <row r="42" spans="1:8" x14ac:dyDescent="0.25">
      <c r="A42" t="s">
        <v>134</v>
      </c>
      <c r="E42" s="4"/>
    </row>
    <row r="43" spans="1:8" x14ac:dyDescent="0.25">
      <c r="A43" s="5"/>
      <c r="B43" s="5" t="s">
        <v>50</v>
      </c>
      <c r="C43" s="5" t="s">
        <v>51</v>
      </c>
      <c r="D43" s="5" t="s">
        <v>52</v>
      </c>
      <c r="E43" s="6" t="s">
        <v>53</v>
      </c>
      <c r="F43" s="5"/>
      <c r="G43" s="5"/>
      <c r="H43" s="5"/>
    </row>
    <row r="44" spans="1:8" x14ac:dyDescent="0.25">
      <c r="A44" s="5" t="s">
        <v>54</v>
      </c>
      <c r="B44" s="5" t="s">
        <v>0</v>
      </c>
      <c r="C44" s="5" t="s">
        <v>55</v>
      </c>
      <c r="D44" s="5" t="s">
        <v>56</v>
      </c>
      <c r="E44" s="6" t="s">
        <v>56</v>
      </c>
      <c r="F44" s="5"/>
      <c r="G44" s="5"/>
      <c r="H44" s="5"/>
    </row>
    <row r="45" spans="1:8" x14ac:dyDescent="0.25">
      <c r="A45" s="5" t="s">
        <v>57</v>
      </c>
      <c r="B45" s="5" t="s">
        <v>2</v>
      </c>
      <c r="C45" s="5" t="s">
        <v>58</v>
      </c>
      <c r="D45" s="5" t="s">
        <v>56</v>
      </c>
      <c r="E45" s="6" t="s">
        <v>56</v>
      </c>
      <c r="F45" s="5"/>
      <c r="G45" s="5"/>
      <c r="H45" s="5"/>
    </row>
    <row r="46" spans="1:8" x14ac:dyDescent="0.25">
      <c r="A46" s="5" t="s">
        <v>59</v>
      </c>
      <c r="B46" s="5" t="s">
        <v>60</v>
      </c>
      <c r="C46" s="5" t="s">
        <v>58</v>
      </c>
      <c r="D46" s="7" t="s">
        <v>61</v>
      </c>
      <c r="E46" s="6"/>
      <c r="F46" s="5"/>
      <c r="G46" s="8" t="s">
        <v>62</v>
      </c>
      <c r="H46" s="5"/>
    </row>
    <row r="47" spans="1:8" x14ac:dyDescent="0.25">
      <c r="A47" s="5" t="s">
        <v>63</v>
      </c>
      <c r="B47" s="7" t="s">
        <v>3</v>
      </c>
      <c r="C47" s="5" t="s">
        <v>64</v>
      </c>
      <c r="D47" s="5" t="s">
        <v>56</v>
      </c>
      <c r="E47" s="6" t="s">
        <v>56</v>
      </c>
      <c r="F47" s="5"/>
      <c r="G47" s="8" t="s">
        <v>65</v>
      </c>
      <c r="H47" s="5"/>
    </row>
    <row r="48" spans="1:8" x14ac:dyDescent="0.25">
      <c r="A48" s="5" t="s">
        <v>66</v>
      </c>
      <c r="B48" s="5" t="s">
        <v>1</v>
      </c>
      <c r="C48" s="5" t="s">
        <v>64</v>
      </c>
      <c r="D48" s="5" t="s">
        <v>67</v>
      </c>
      <c r="E48" s="6" t="s">
        <v>56</v>
      </c>
      <c r="F48" s="5"/>
      <c r="G48" s="5"/>
      <c r="H48" s="5"/>
    </row>
    <row r="49" spans="1:8" x14ac:dyDescent="0.25">
      <c r="A49" s="5" t="s">
        <v>68</v>
      </c>
      <c r="B49" s="5" t="s">
        <v>13</v>
      </c>
      <c r="C49" s="5" t="s">
        <v>69</v>
      </c>
      <c r="D49" s="5" t="s">
        <v>56</v>
      </c>
      <c r="E49" s="6" t="s">
        <v>70</v>
      </c>
      <c r="F49" s="5"/>
      <c r="G49" s="5"/>
      <c r="H49" s="5"/>
    </row>
    <row r="50" spans="1:8" x14ac:dyDescent="0.25">
      <c r="A50" s="5" t="s">
        <v>71</v>
      </c>
      <c r="B50" s="5" t="s">
        <v>72</v>
      </c>
      <c r="C50" s="5" t="s">
        <v>69</v>
      </c>
      <c r="D50" s="5" t="s">
        <v>56</v>
      </c>
      <c r="E50" s="6" t="s">
        <v>73</v>
      </c>
      <c r="F50" s="5"/>
      <c r="G50" s="5"/>
      <c r="H50" s="5"/>
    </row>
    <row r="51" spans="1:8" x14ac:dyDescent="0.25">
      <c r="A51" s="5" t="s">
        <v>74</v>
      </c>
      <c r="B51" s="5" t="s">
        <v>75</v>
      </c>
      <c r="C51" s="5" t="s">
        <v>69</v>
      </c>
      <c r="D51" s="5" t="s">
        <v>56</v>
      </c>
      <c r="E51" s="6" t="s">
        <v>76</v>
      </c>
      <c r="F51" s="5"/>
      <c r="G51" s="5"/>
      <c r="H51" s="5"/>
    </row>
    <row r="52" spans="1:8" x14ac:dyDescent="0.25">
      <c r="A52" s="5" t="s">
        <v>77</v>
      </c>
      <c r="B52" s="5" t="s">
        <v>6</v>
      </c>
      <c r="C52" s="5" t="s">
        <v>78</v>
      </c>
      <c r="D52" s="5" t="s">
        <v>56</v>
      </c>
      <c r="E52" s="6" t="s">
        <v>79</v>
      </c>
      <c r="F52" s="5"/>
      <c r="G52" s="5"/>
      <c r="H52" s="5"/>
    </row>
    <row r="53" spans="1:8" x14ac:dyDescent="0.25">
      <c r="A53" s="5" t="s">
        <v>80</v>
      </c>
      <c r="B53" s="5" t="s">
        <v>81</v>
      </c>
      <c r="C53" s="5" t="s">
        <v>78</v>
      </c>
      <c r="D53" s="5" t="s">
        <v>56</v>
      </c>
      <c r="E53" s="6" t="s">
        <v>73</v>
      </c>
      <c r="F53" s="5"/>
      <c r="G53" s="5"/>
      <c r="H53" s="5"/>
    </row>
    <row r="54" spans="1:8" x14ac:dyDescent="0.25">
      <c r="A54" s="5" t="s">
        <v>82</v>
      </c>
      <c r="B54" s="5" t="s">
        <v>15</v>
      </c>
      <c r="C54" s="5" t="s">
        <v>78</v>
      </c>
      <c r="D54" s="5" t="s">
        <v>56</v>
      </c>
      <c r="E54" s="6" t="s">
        <v>83</v>
      </c>
      <c r="F54" s="5"/>
      <c r="G54" s="5"/>
      <c r="H54" s="5"/>
    </row>
    <row r="55" spans="1:8" x14ac:dyDescent="0.25">
      <c r="A55" s="5" t="s">
        <v>84</v>
      </c>
      <c r="B55" s="5" t="s">
        <v>14</v>
      </c>
      <c r="C55" s="5" t="s">
        <v>85</v>
      </c>
      <c r="D55" s="5" t="s">
        <v>56</v>
      </c>
      <c r="E55" s="6" t="s">
        <v>86</v>
      </c>
      <c r="F55" s="5"/>
      <c r="G55" s="5"/>
      <c r="H55" s="5"/>
    </row>
    <row r="56" spans="1:8" x14ac:dyDescent="0.25">
      <c r="A56" s="5" t="s">
        <v>87</v>
      </c>
      <c r="B56" s="5" t="s">
        <v>10</v>
      </c>
      <c r="C56" s="5" t="s">
        <v>85</v>
      </c>
      <c r="D56" s="5" t="s">
        <v>56</v>
      </c>
      <c r="E56" s="6" t="s">
        <v>88</v>
      </c>
      <c r="F56" s="5"/>
      <c r="G56" s="5"/>
      <c r="H56" s="5"/>
    </row>
    <row r="57" spans="1:8" x14ac:dyDescent="0.25">
      <c r="A57" s="5" t="s">
        <v>89</v>
      </c>
      <c r="B57" s="5" t="s">
        <v>17</v>
      </c>
      <c r="C57" s="5" t="s">
        <v>85</v>
      </c>
      <c r="D57" s="5" t="s">
        <v>56</v>
      </c>
      <c r="E57" s="6" t="s">
        <v>90</v>
      </c>
      <c r="F57" s="5"/>
      <c r="G57" s="5"/>
      <c r="H57" s="5"/>
    </row>
    <row r="58" spans="1:8" x14ac:dyDescent="0.25">
      <c r="A58" s="5" t="s">
        <v>91</v>
      </c>
      <c r="B58" s="5" t="s">
        <v>16</v>
      </c>
      <c r="C58" s="5" t="s">
        <v>85</v>
      </c>
      <c r="D58" s="5" t="s">
        <v>56</v>
      </c>
      <c r="E58" s="6" t="s">
        <v>92</v>
      </c>
      <c r="F58" s="5"/>
      <c r="G58" s="5"/>
      <c r="H58" s="5"/>
    </row>
    <row r="59" spans="1:8" x14ac:dyDescent="0.25">
      <c r="A59" s="5" t="s">
        <v>93</v>
      </c>
      <c r="B59" s="5" t="s">
        <v>11</v>
      </c>
      <c r="C59" s="5" t="s">
        <v>85</v>
      </c>
      <c r="D59" s="5" t="s">
        <v>56</v>
      </c>
      <c r="E59" s="6" t="s">
        <v>83</v>
      </c>
      <c r="F59" s="5"/>
      <c r="G59" s="5"/>
      <c r="H59" s="5"/>
    </row>
    <row r="60" spans="1:8" x14ac:dyDescent="0.25">
      <c r="A60" s="5" t="s">
        <v>94</v>
      </c>
      <c r="B60" s="5" t="s">
        <v>95</v>
      </c>
      <c r="C60" s="5" t="s">
        <v>96</v>
      </c>
      <c r="D60" s="5"/>
      <c r="E60" s="5"/>
      <c r="F60" s="5" t="s">
        <v>97</v>
      </c>
      <c r="G60" s="5"/>
      <c r="H60" s="5"/>
    </row>
    <row r="61" spans="1:8" x14ac:dyDescent="0.25">
      <c r="A61" s="5" t="s">
        <v>98</v>
      </c>
      <c r="B61" s="5" t="s">
        <v>99</v>
      </c>
      <c r="C61" s="5" t="s">
        <v>96</v>
      </c>
      <c r="D61" s="5" t="s">
        <v>100</v>
      </c>
      <c r="E61" s="6" t="s">
        <v>56</v>
      </c>
      <c r="F61" s="5"/>
      <c r="G61" s="5"/>
      <c r="H61" s="5"/>
    </row>
    <row r="62" spans="1:8" x14ac:dyDescent="0.25">
      <c r="A62" s="5" t="s">
        <v>101</v>
      </c>
      <c r="B62" s="5" t="s">
        <v>102</v>
      </c>
      <c r="C62" s="5" t="s">
        <v>103</v>
      </c>
      <c r="D62" s="5" t="s">
        <v>56</v>
      </c>
      <c r="E62" s="6" t="s">
        <v>56</v>
      </c>
      <c r="F62" s="5"/>
      <c r="G62" s="5"/>
      <c r="H62" s="5"/>
    </row>
    <row r="63" spans="1:8" x14ac:dyDescent="0.25">
      <c r="A63" s="5" t="s">
        <v>104</v>
      </c>
      <c r="B63" s="5" t="s">
        <v>8</v>
      </c>
      <c r="C63" s="5" t="s">
        <v>105</v>
      </c>
      <c r="D63" s="5" t="s">
        <v>56</v>
      </c>
      <c r="E63" s="6" t="s">
        <v>106</v>
      </c>
      <c r="F63" s="5"/>
      <c r="G63" s="5"/>
      <c r="H63" s="5"/>
    </row>
    <row r="64" spans="1:8" x14ac:dyDescent="0.25">
      <c r="A64" s="5" t="s">
        <v>107</v>
      </c>
      <c r="B64" s="5" t="s">
        <v>108</v>
      </c>
      <c r="C64" s="5" t="s">
        <v>105</v>
      </c>
      <c r="D64" s="5" t="s">
        <v>109</v>
      </c>
      <c r="E64" s="6" t="s">
        <v>110</v>
      </c>
      <c r="F64" s="5" t="s">
        <v>111</v>
      </c>
      <c r="G64" s="5"/>
      <c r="H64" s="5"/>
    </row>
    <row r="65" spans="1:8" x14ac:dyDescent="0.25">
      <c r="A65" s="5" t="s">
        <v>112</v>
      </c>
      <c r="B65" s="5" t="s">
        <v>12</v>
      </c>
      <c r="C65" s="5" t="s">
        <v>105</v>
      </c>
      <c r="D65" s="5" t="s">
        <v>56</v>
      </c>
      <c r="E65" s="6" t="s">
        <v>113</v>
      </c>
      <c r="F65" s="5"/>
      <c r="G65" s="5"/>
      <c r="H65" s="5"/>
    </row>
    <row r="66" spans="1:8" x14ac:dyDescent="0.25">
      <c r="A66" s="5" t="s">
        <v>114</v>
      </c>
      <c r="B66" s="5" t="s">
        <v>4</v>
      </c>
      <c r="C66" s="5" t="s">
        <v>115</v>
      </c>
      <c r="D66" s="5" t="s">
        <v>56</v>
      </c>
      <c r="E66" s="6" t="s">
        <v>116</v>
      </c>
      <c r="F66" s="5"/>
      <c r="G66" s="5"/>
      <c r="H66" s="5"/>
    </row>
    <row r="67" spans="1:8" x14ac:dyDescent="0.25">
      <c r="A67" s="5" t="s">
        <v>117</v>
      </c>
      <c r="B67" s="5" t="s">
        <v>118</v>
      </c>
      <c r="C67" s="5" t="s">
        <v>115</v>
      </c>
      <c r="D67" s="5" t="s">
        <v>56</v>
      </c>
      <c r="E67" s="6" t="s">
        <v>119</v>
      </c>
      <c r="F67" s="5"/>
      <c r="G67" s="5"/>
      <c r="H67" s="5"/>
    </row>
    <row r="68" spans="1:8" x14ac:dyDescent="0.25">
      <c r="A68" s="5" t="s">
        <v>120</v>
      </c>
      <c r="B68" s="5" t="s">
        <v>121</v>
      </c>
      <c r="C68" s="5" t="s">
        <v>105</v>
      </c>
      <c r="D68" s="5" t="s">
        <v>56</v>
      </c>
      <c r="E68" s="6" t="s">
        <v>122</v>
      </c>
      <c r="F68" s="5" t="s">
        <v>123</v>
      </c>
      <c r="G68" s="5"/>
      <c r="H68" s="5"/>
    </row>
    <row r="69" spans="1:8" x14ac:dyDescent="0.25">
      <c r="A69" s="5" t="s">
        <v>124</v>
      </c>
      <c r="B69" s="5" t="s">
        <v>125</v>
      </c>
      <c r="C69" s="5" t="s">
        <v>126</v>
      </c>
      <c r="D69" s="5" t="s">
        <v>56</v>
      </c>
      <c r="E69" s="6" t="s">
        <v>56</v>
      </c>
      <c r="F69" s="5"/>
      <c r="G69" s="5"/>
      <c r="H69" s="5"/>
    </row>
    <row r="70" spans="1:8" x14ac:dyDescent="0.25">
      <c r="A70" s="5" t="s">
        <v>127</v>
      </c>
      <c r="B70" s="5" t="s">
        <v>5</v>
      </c>
      <c r="C70" s="5" t="s">
        <v>128</v>
      </c>
      <c r="D70" s="5" t="s">
        <v>56</v>
      </c>
      <c r="E70" s="6" t="s">
        <v>56</v>
      </c>
      <c r="F70" s="5" t="s">
        <v>129</v>
      </c>
      <c r="G70" s="5"/>
      <c r="H70" s="5"/>
    </row>
    <row r="71" spans="1:8" x14ac:dyDescent="0.25">
      <c r="A71" s="5" t="s">
        <v>130</v>
      </c>
      <c r="B71" s="5" t="s">
        <v>7</v>
      </c>
      <c r="C71" s="5" t="s">
        <v>131</v>
      </c>
      <c r="D71" s="5" t="s">
        <v>56</v>
      </c>
      <c r="E71" s="6" t="s">
        <v>56</v>
      </c>
      <c r="F71" s="5"/>
      <c r="G71" s="5"/>
      <c r="H71" s="5"/>
    </row>
    <row r="72" spans="1:8" x14ac:dyDescent="0.25">
      <c r="A72" s="5"/>
      <c r="B72" s="5"/>
      <c r="C72" s="5"/>
      <c r="D72" s="5"/>
      <c r="E72" s="6"/>
      <c r="F72" s="5"/>
      <c r="G72" s="5"/>
      <c r="H72" s="5"/>
    </row>
    <row r="73" spans="1:8" x14ac:dyDescent="0.25">
      <c r="A73" s="7" t="s">
        <v>133</v>
      </c>
      <c r="B73" s="5"/>
      <c r="C73" s="5"/>
      <c r="D73" s="5"/>
      <c r="E73" s="6"/>
      <c r="F73" s="5"/>
      <c r="G73" s="5"/>
      <c r="H73" s="5"/>
    </row>
    <row r="74" spans="1:8" x14ac:dyDescent="0.25">
      <c r="A74" s="5"/>
      <c r="B74" s="5" t="s">
        <v>50</v>
      </c>
      <c r="C74" s="5" t="s">
        <v>51</v>
      </c>
      <c r="D74" s="5"/>
      <c r="E74" s="6"/>
      <c r="F74" s="5"/>
      <c r="G74" s="5"/>
      <c r="H74" s="5"/>
    </row>
    <row r="75" spans="1:8" x14ac:dyDescent="0.25">
      <c r="A75" s="5" t="s">
        <v>54</v>
      </c>
      <c r="B75" s="5" t="s">
        <v>0</v>
      </c>
      <c r="C75" s="5" t="s">
        <v>55</v>
      </c>
      <c r="D75" s="5"/>
      <c r="E75" s="6"/>
      <c r="F75" s="5"/>
      <c r="G75" s="5"/>
      <c r="H75" s="5"/>
    </row>
    <row r="76" spans="1:8" x14ac:dyDescent="0.25">
      <c r="A76" s="5" t="s">
        <v>57</v>
      </c>
      <c r="B76" s="7" t="s">
        <v>60</v>
      </c>
      <c r="C76" s="5" t="s">
        <v>58</v>
      </c>
      <c r="D76" s="5"/>
      <c r="E76" s="6"/>
      <c r="F76" s="5"/>
      <c r="G76" s="5"/>
      <c r="H76" s="5"/>
    </row>
    <row r="77" spans="1:8" x14ac:dyDescent="0.25">
      <c r="A77" s="5" t="s">
        <v>59</v>
      </c>
      <c r="B77" s="7" t="s">
        <v>2</v>
      </c>
      <c r="C77" s="5" t="s">
        <v>58</v>
      </c>
      <c r="D77" s="5"/>
      <c r="E77" s="6"/>
      <c r="F77" s="5"/>
      <c r="G77" s="5"/>
      <c r="H77" s="5"/>
    </row>
    <row r="78" spans="1:8" x14ac:dyDescent="0.25">
      <c r="A78" s="5" t="s">
        <v>63</v>
      </c>
      <c r="B78" s="7" t="s">
        <v>1</v>
      </c>
      <c r="C78" s="5" t="s">
        <v>64</v>
      </c>
      <c r="D78" s="5"/>
      <c r="E78" s="6"/>
      <c r="F78" s="5"/>
      <c r="G78" s="5"/>
      <c r="H78" s="5"/>
    </row>
    <row r="79" spans="1:8" x14ac:dyDescent="0.25">
      <c r="A79" s="5" t="s">
        <v>66</v>
      </c>
      <c r="B79" s="7" t="s">
        <v>3</v>
      </c>
      <c r="C79" s="5" t="s">
        <v>64</v>
      </c>
      <c r="D79" s="5"/>
      <c r="E79" s="6"/>
      <c r="F79" s="5"/>
      <c r="G79" s="5"/>
      <c r="H79" s="5"/>
    </row>
    <row r="80" spans="1:8" x14ac:dyDescent="0.25">
      <c r="A80" s="5" t="s">
        <v>68</v>
      </c>
      <c r="B80" s="7" t="s">
        <v>75</v>
      </c>
      <c r="C80" s="5" t="s">
        <v>69</v>
      </c>
      <c r="D80" s="5"/>
      <c r="E80" s="6"/>
      <c r="F80" s="5"/>
      <c r="G80" s="5"/>
      <c r="H80" s="5"/>
    </row>
    <row r="81" spans="1:8" x14ac:dyDescent="0.25">
      <c r="A81" s="5" t="s">
        <v>71</v>
      </c>
      <c r="B81" s="5" t="s">
        <v>72</v>
      </c>
      <c r="C81" s="5" t="s">
        <v>69</v>
      </c>
      <c r="D81" s="5"/>
      <c r="E81" s="6"/>
      <c r="F81" s="5"/>
      <c r="G81" s="5"/>
      <c r="H81" s="5"/>
    </row>
    <row r="82" spans="1:8" x14ac:dyDescent="0.25">
      <c r="A82" s="5" t="s">
        <v>74</v>
      </c>
      <c r="B82" s="7" t="s">
        <v>13</v>
      </c>
      <c r="C82" s="5" t="s">
        <v>69</v>
      </c>
      <c r="D82" s="5"/>
      <c r="E82" s="6"/>
      <c r="F82" s="5"/>
      <c r="G82" s="5"/>
      <c r="H82" s="5"/>
    </row>
    <row r="83" spans="1:8" x14ac:dyDescent="0.25">
      <c r="A83" s="5" t="s">
        <v>77</v>
      </c>
      <c r="B83" s="7" t="s">
        <v>15</v>
      </c>
      <c r="C83" s="5" t="s">
        <v>78</v>
      </c>
      <c r="D83" s="5"/>
      <c r="E83" s="6"/>
      <c r="F83" s="5"/>
      <c r="G83" s="5"/>
      <c r="H83" s="5"/>
    </row>
    <row r="84" spans="1:8" x14ac:dyDescent="0.25">
      <c r="A84" s="5" t="s">
        <v>80</v>
      </c>
      <c r="B84" s="5" t="s">
        <v>81</v>
      </c>
      <c r="C84" s="5" t="s">
        <v>78</v>
      </c>
      <c r="D84" s="5"/>
      <c r="E84" s="6"/>
      <c r="F84" s="5"/>
      <c r="G84" s="5"/>
      <c r="H84" s="5"/>
    </row>
    <row r="85" spans="1:8" x14ac:dyDescent="0.25">
      <c r="A85" s="5" t="s">
        <v>82</v>
      </c>
      <c r="B85" s="7" t="s">
        <v>6</v>
      </c>
      <c r="C85" s="5" t="s">
        <v>78</v>
      </c>
      <c r="D85" s="5"/>
      <c r="E85" s="6"/>
      <c r="F85" s="5"/>
      <c r="G85" s="5"/>
      <c r="H85" s="5"/>
    </row>
    <row r="86" spans="1:8" x14ac:dyDescent="0.25">
      <c r="A86" s="5" t="s">
        <v>84</v>
      </c>
      <c r="B86" s="7" t="s">
        <v>11</v>
      </c>
      <c r="C86" s="5" t="s">
        <v>85</v>
      </c>
      <c r="D86" s="5"/>
      <c r="E86" s="6"/>
      <c r="F86" s="5"/>
      <c r="G86" s="5"/>
      <c r="H86" s="5"/>
    </row>
    <row r="87" spans="1:8" x14ac:dyDescent="0.25">
      <c r="A87" s="5" t="s">
        <v>87</v>
      </c>
      <c r="B87" s="7" t="s">
        <v>16</v>
      </c>
      <c r="C87" s="5" t="s">
        <v>85</v>
      </c>
      <c r="D87" s="5"/>
      <c r="E87" s="6"/>
      <c r="F87" s="5"/>
      <c r="G87" s="5"/>
      <c r="H87" s="5"/>
    </row>
    <row r="88" spans="1:8" x14ac:dyDescent="0.25">
      <c r="A88" s="5" t="s">
        <v>89</v>
      </c>
      <c r="B88" s="5" t="s">
        <v>17</v>
      </c>
      <c r="C88" s="5" t="s">
        <v>85</v>
      </c>
      <c r="D88" s="5"/>
      <c r="E88" s="6"/>
      <c r="F88" s="5"/>
      <c r="G88" s="5"/>
      <c r="H88" s="5"/>
    </row>
    <row r="89" spans="1:8" x14ac:dyDescent="0.25">
      <c r="A89" s="5" t="s">
        <v>91</v>
      </c>
      <c r="B89" s="7" t="s">
        <v>10</v>
      </c>
      <c r="C89" s="5" t="s">
        <v>85</v>
      </c>
      <c r="D89" s="5"/>
      <c r="E89" s="6"/>
      <c r="F89" s="5"/>
      <c r="G89" s="5"/>
      <c r="H89" s="5"/>
    </row>
    <row r="90" spans="1:8" x14ac:dyDescent="0.25">
      <c r="A90" s="5" t="s">
        <v>93</v>
      </c>
      <c r="B90" s="7" t="s">
        <v>14</v>
      </c>
      <c r="C90" s="5" t="s">
        <v>85</v>
      </c>
      <c r="D90" s="5"/>
      <c r="E90" s="6"/>
      <c r="F90" s="5"/>
      <c r="G90" s="5"/>
      <c r="H90" s="5"/>
    </row>
    <row r="91" spans="1:8" x14ac:dyDescent="0.25">
      <c r="A91" s="5" t="s">
        <v>94</v>
      </c>
      <c r="B91" s="7" t="s">
        <v>99</v>
      </c>
      <c r="C91" s="5" t="s">
        <v>96</v>
      </c>
      <c r="D91" s="5"/>
      <c r="E91" s="6"/>
      <c r="F91" s="5" t="s">
        <v>97</v>
      </c>
      <c r="G91" s="5"/>
      <c r="H91" s="5"/>
    </row>
    <row r="92" spans="1:8" x14ac:dyDescent="0.25">
      <c r="A92" s="5" t="s">
        <v>98</v>
      </c>
      <c r="B92" s="7" t="s">
        <v>132</v>
      </c>
      <c r="C92" s="5" t="s">
        <v>96</v>
      </c>
      <c r="D92" s="5"/>
      <c r="E92" s="6"/>
      <c r="F92" s="5"/>
      <c r="G92" s="5"/>
      <c r="H92" s="5"/>
    </row>
    <row r="93" spans="1:8" x14ac:dyDescent="0.25">
      <c r="A93" s="5" t="s">
        <v>101</v>
      </c>
      <c r="B93" s="5" t="s">
        <v>102</v>
      </c>
      <c r="C93" s="5" t="s">
        <v>103</v>
      </c>
      <c r="D93" s="5"/>
      <c r="E93" s="6"/>
      <c r="F93" s="5"/>
      <c r="G93" s="5"/>
      <c r="H93" s="5"/>
    </row>
    <row r="94" spans="1:8" x14ac:dyDescent="0.25">
      <c r="A94" s="5" t="s">
        <v>104</v>
      </c>
      <c r="B94" s="5" t="s">
        <v>8</v>
      </c>
      <c r="C94" s="5" t="s">
        <v>105</v>
      </c>
      <c r="D94" s="5"/>
      <c r="E94" s="6"/>
      <c r="F94" s="5"/>
      <c r="G94" s="5"/>
      <c r="H94" s="5"/>
    </row>
    <row r="95" spans="1:8" x14ac:dyDescent="0.25">
      <c r="A95" s="5" t="s">
        <v>107</v>
      </c>
      <c r="B95" s="7" t="s">
        <v>12</v>
      </c>
      <c r="C95" s="5" t="s">
        <v>105</v>
      </c>
      <c r="D95" s="5"/>
      <c r="E95" s="6"/>
      <c r="F95" s="5" t="s">
        <v>111</v>
      </c>
      <c r="G95" s="5"/>
      <c r="H95" s="5"/>
    </row>
    <row r="96" spans="1:8" x14ac:dyDescent="0.25">
      <c r="A96" s="5" t="s">
        <v>112</v>
      </c>
      <c r="B96" s="7" t="s">
        <v>108</v>
      </c>
      <c r="C96" s="5" t="s">
        <v>105</v>
      </c>
      <c r="D96" s="5"/>
      <c r="E96" s="6"/>
      <c r="F96" s="5"/>
      <c r="G96" s="5"/>
      <c r="H96" s="5"/>
    </row>
    <row r="97" spans="1:8" x14ac:dyDescent="0.25">
      <c r="A97" s="5" t="s">
        <v>114</v>
      </c>
      <c r="B97" s="7" t="s">
        <v>118</v>
      </c>
      <c r="C97" s="5" t="s">
        <v>115</v>
      </c>
      <c r="D97" s="5"/>
      <c r="E97" s="6"/>
      <c r="F97" s="5"/>
      <c r="G97" s="5"/>
      <c r="H97" s="5"/>
    </row>
    <row r="98" spans="1:8" x14ac:dyDescent="0.25">
      <c r="A98" s="5" t="s">
        <v>117</v>
      </c>
      <c r="B98" s="7" t="s">
        <v>4</v>
      </c>
      <c r="C98" s="5" t="s">
        <v>115</v>
      </c>
      <c r="D98" s="5"/>
      <c r="E98" s="6"/>
      <c r="F98" s="5"/>
      <c r="G98" s="5"/>
      <c r="H98" s="5"/>
    </row>
    <row r="99" spans="1:8" x14ac:dyDescent="0.25">
      <c r="A99" s="5" t="s">
        <v>120</v>
      </c>
      <c r="B99" s="5" t="s">
        <v>121</v>
      </c>
      <c r="C99" s="5" t="s">
        <v>105</v>
      </c>
      <c r="D99" s="5"/>
      <c r="E99" s="6"/>
      <c r="F99" s="5" t="s">
        <v>123</v>
      </c>
      <c r="G99" s="5"/>
      <c r="H99" s="5"/>
    </row>
    <row r="100" spans="1:8" x14ac:dyDescent="0.25">
      <c r="A100" s="5" t="s">
        <v>124</v>
      </c>
      <c r="B100" s="5" t="s">
        <v>125</v>
      </c>
      <c r="C100" s="5" t="s">
        <v>126</v>
      </c>
      <c r="D100" s="5"/>
      <c r="E100" s="6"/>
      <c r="F100" s="5"/>
      <c r="G100" s="5"/>
      <c r="H100" s="5"/>
    </row>
    <row r="101" spans="1:8" x14ac:dyDescent="0.25">
      <c r="A101" s="5" t="s">
        <v>127</v>
      </c>
      <c r="B101" s="5" t="s">
        <v>5</v>
      </c>
      <c r="C101" s="5" t="s">
        <v>128</v>
      </c>
      <c r="D101" s="5"/>
      <c r="E101" s="6"/>
      <c r="F101" s="5" t="s">
        <v>129</v>
      </c>
      <c r="G101" s="5"/>
      <c r="H101" s="5"/>
    </row>
    <row r="102" spans="1:8" x14ac:dyDescent="0.25">
      <c r="A102" s="5" t="s">
        <v>130</v>
      </c>
      <c r="B102" s="5" t="s">
        <v>7</v>
      </c>
      <c r="C102" s="5" t="s">
        <v>131</v>
      </c>
      <c r="D102" s="5"/>
      <c r="E102" s="6"/>
      <c r="F102" s="5"/>
      <c r="G102" s="5"/>
      <c r="H102" s="5"/>
    </row>
  </sheetData>
  <mergeCells count="1">
    <mergeCell ref="A1:P1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</cp:lastModifiedBy>
  <dcterms:created xsi:type="dcterms:W3CDTF">2019-01-15T02:15:34Z</dcterms:created>
  <dcterms:modified xsi:type="dcterms:W3CDTF">2020-08-17T06:40:45Z</dcterms:modified>
</cp:coreProperties>
</file>